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Ｇ\☆02_調査\000_データ類\06_税財政データ集\H30年度\★02_財政G作成内容\EXCEL\小計欄削除（今年度からこれ使う）\"/>
    </mc:Choice>
  </mc:AlternateContent>
  <bookViews>
    <workbookView xWindow="0" yWindow="0" windowWidth="20400" windowHeight="7230"/>
  </bookViews>
  <sheets>
    <sheet name="14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4'!$A$1:$J$39</definedName>
    <definedName name="_xlnm.Print_Titles" localSheetId="0">'14'!$A:$A</definedName>
  </definedNames>
  <calcPr calcId="152511"/>
</workbook>
</file>

<file path=xl/sharedStrings.xml><?xml version="1.0" encoding="utf-8"?>
<sst xmlns="http://schemas.openxmlformats.org/spreadsheetml/2006/main" count="55" uniqueCount="55">
  <si>
    <t>Ｄの財源内訳</t>
    <rPh sb="2" eb="4">
      <t>ザイゲン</t>
    </rPh>
    <rPh sb="4" eb="6">
      <t>ウチワケ</t>
    </rPh>
    <phoneticPr fontId="0"/>
  </si>
  <si>
    <t>現在高</t>
    <rPh sb="0" eb="2">
      <t>ゲンザイ</t>
    </rPh>
    <rPh sb="2" eb="3">
      <t>ダカ</t>
    </rPh>
    <phoneticPr fontId="0"/>
  </si>
  <si>
    <t>発行額</t>
    <rPh sb="0" eb="3">
      <t>ハッコウガク</t>
    </rPh>
    <phoneticPr fontId="0"/>
  </si>
  <si>
    <t>元金</t>
    <rPh sb="0" eb="2">
      <t>ガンキン</t>
    </rPh>
    <phoneticPr fontId="0"/>
  </si>
  <si>
    <t>利子</t>
    <rPh sb="0" eb="2">
      <t>リシ</t>
    </rPh>
    <phoneticPr fontId="0"/>
  </si>
  <si>
    <t>計</t>
    <rPh sb="0" eb="1">
      <t>ケイ</t>
    </rPh>
    <phoneticPr fontId="0"/>
  </si>
  <si>
    <t>特定財源</t>
    <rPh sb="0" eb="2">
      <t>トクテイ</t>
    </rPh>
    <rPh sb="2" eb="4">
      <t>ザイゲン</t>
    </rPh>
    <phoneticPr fontId="0"/>
  </si>
  <si>
    <t>一般財源等</t>
    <rPh sb="0" eb="2">
      <t>イッパン</t>
    </rPh>
    <rPh sb="2" eb="4">
      <t>ザイゲン</t>
    </rPh>
    <rPh sb="4" eb="5">
      <t>トウ</t>
    </rPh>
    <phoneticPr fontId="0"/>
  </si>
  <si>
    <t>財源対策債</t>
  </si>
  <si>
    <t>現在高</t>
    <rPh sb="0" eb="2">
      <t>ゲンザイ</t>
    </rPh>
    <rPh sb="2" eb="3">
      <t>タカ</t>
    </rPh>
    <phoneticPr fontId="2"/>
  </si>
  <si>
    <t>Ａ</t>
  </si>
  <si>
    <t>Ｂ</t>
  </si>
  <si>
    <t>Ｃ</t>
  </si>
  <si>
    <t>Ｄ</t>
  </si>
  <si>
    <t>Ａ＋Ｂ－Ｃ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現在高</t>
    <phoneticPr fontId="2"/>
  </si>
  <si>
    <t>平成28年度末</t>
    <rPh sb="0" eb="2">
      <t>ヘイセイ</t>
    </rPh>
    <rPh sb="4" eb="7">
      <t>ネンドマツ</t>
    </rPh>
    <phoneticPr fontId="0"/>
  </si>
  <si>
    <t>平成29年度</t>
    <rPh sb="0" eb="2">
      <t>ヘイセイ</t>
    </rPh>
    <rPh sb="4" eb="6">
      <t>ネンド</t>
    </rPh>
    <phoneticPr fontId="0"/>
  </si>
  <si>
    <t>平成29年度元利償還額</t>
    <rPh sb="0" eb="2">
      <t>ヘイセイ</t>
    </rPh>
    <rPh sb="4" eb="6">
      <t>ネンド</t>
    </rPh>
    <rPh sb="6" eb="8">
      <t>ガンリ</t>
    </rPh>
    <rPh sb="8" eb="11">
      <t>ショウカンガク</t>
    </rPh>
    <phoneticPr fontId="0"/>
  </si>
  <si>
    <t>平成29年度末</t>
    <rPh sb="6" eb="7">
      <t>マツ</t>
    </rPh>
    <phoneticPr fontId="1"/>
  </si>
  <si>
    <t>平成29年度末</t>
    <rPh sb="0" eb="2">
      <t>ヘイセイ</t>
    </rPh>
    <rPh sb="4" eb="7">
      <t>ネンドマツ</t>
    </rPh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5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4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176" fontId="3" fillId="0" borderId="5" xfId="0" applyNumberFormat="1" applyFont="1" applyBorder="1" applyAlignment="1">
      <alignment vertical="center" shrinkToFit="1"/>
    </xf>
    <xf numFmtId="176" fontId="3" fillId="0" borderId="0" xfId="0" applyNumberFormat="1" applyFont="1" applyAlignment="1">
      <alignment vertical="center" shrinkToFit="1"/>
    </xf>
    <xf numFmtId="0" fontId="3" fillId="0" borderId="6" xfId="0" applyFont="1" applyBorder="1" applyAlignment="1">
      <alignment horizontal="center" vertical="center"/>
    </xf>
    <xf numFmtId="176" fontId="3" fillId="0" borderId="6" xfId="0" applyNumberFormat="1" applyFont="1" applyBorder="1" applyAlignment="1">
      <alignment vertical="center" shrinkToFit="1"/>
    </xf>
    <xf numFmtId="176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0" fontId="3" fillId="2" borderId="2" xfId="0" applyFont="1" applyFill="1" applyBorder="1" applyAlignment="1">
      <alignment horizontal="center" vertical="center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0" xfId="0" applyFont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176" fontId="3" fillId="0" borderId="8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9"/>
  <sheetViews>
    <sheetView tabSelected="1" zoomScaleNormal="100" zoomScaleSheetLayoutView="100" workbookViewId="0">
      <selection activeCell="L39" sqref="L39"/>
    </sheetView>
  </sheetViews>
  <sheetFormatPr defaultColWidth="9.375" defaultRowHeight="11.25"/>
  <cols>
    <col min="1" max="1" width="14.125" style="17" customWidth="1"/>
    <col min="2" max="16384" width="9.375" style="9"/>
  </cols>
  <sheetData>
    <row r="1" spans="1:11" s="3" customFormat="1" ht="17.25" customHeight="1">
      <c r="A1" s="1"/>
      <c r="B1" s="1"/>
      <c r="C1" s="1"/>
      <c r="D1" s="2" t="s">
        <v>52</v>
      </c>
      <c r="E1" s="2"/>
      <c r="F1" s="2"/>
      <c r="G1" s="2" t="s">
        <v>0</v>
      </c>
      <c r="H1" s="2"/>
      <c r="I1" s="1"/>
      <c r="J1" s="1"/>
    </row>
    <row r="2" spans="1:11" s="3" customFormat="1" ht="17.25" customHeight="1">
      <c r="A2" s="4"/>
      <c r="B2" s="4" t="s">
        <v>50</v>
      </c>
      <c r="C2" s="4" t="s">
        <v>51</v>
      </c>
      <c r="D2" s="4"/>
      <c r="E2" s="4"/>
      <c r="F2" s="4"/>
      <c r="G2" s="1"/>
      <c r="H2" s="1"/>
      <c r="I2" s="4" t="s">
        <v>53</v>
      </c>
      <c r="J2" s="4" t="s">
        <v>54</v>
      </c>
    </row>
    <row r="3" spans="1:11" s="3" customFormat="1" ht="17.25" customHeight="1">
      <c r="A3" s="4"/>
      <c r="B3" s="4" t="s">
        <v>1</v>
      </c>
      <c r="C3" s="4" t="s">
        <v>2</v>
      </c>
      <c r="D3" s="4" t="s">
        <v>3</v>
      </c>
      <c r="E3" s="4" t="s">
        <v>4</v>
      </c>
      <c r="F3" s="4" t="s">
        <v>5</v>
      </c>
      <c r="G3" s="4" t="s">
        <v>6</v>
      </c>
      <c r="H3" s="4" t="s">
        <v>7</v>
      </c>
      <c r="I3" s="4" t="s">
        <v>49</v>
      </c>
      <c r="J3" s="5" t="s">
        <v>8</v>
      </c>
    </row>
    <row r="4" spans="1:11" s="3" customFormat="1" ht="17.25" customHeight="1">
      <c r="A4" s="4"/>
      <c r="B4" s="4"/>
      <c r="C4" s="4"/>
      <c r="D4" s="4"/>
      <c r="E4" s="4"/>
      <c r="F4" s="4"/>
      <c r="G4" s="4"/>
      <c r="H4" s="4"/>
      <c r="I4" s="4"/>
      <c r="J4" s="4" t="s">
        <v>9</v>
      </c>
    </row>
    <row r="5" spans="1:11" s="3" customFormat="1" ht="17.25" customHeight="1">
      <c r="A5" s="6"/>
      <c r="B5" s="6" t="s">
        <v>10</v>
      </c>
      <c r="C5" s="6" t="s">
        <v>11</v>
      </c>
      <c r="D5" s="6" t="s">
        <v>12</v>
      </c>
      <c r="E5" s="6"/>
      <c r="F5" s="6" t="s">
        <v>13</v>
      </c>
      <c r="G5" s="6"/>
      <c r="H5" s="6"/>
      <c r="I5" s="6" t="s">
        <v>14</v>
      </c>
      <c r="J5" s="6"/>
    </row>
    <row r="6" spans="1:11" ht="17.25" customHeight="1">
      <c r="A6" s="7" t="s">
        <v>15</v>
      </c>
      <c r="B6" s="8">
        <v>2358434115</v>
      </c>
      <c r="C6" s="8">
        <v>159230000</v>
      </c>
      <c r="D6" s="8">
        <v>153552110</v>
      </c>
      <c r="E6" s="8">
        <v>29910308</v>
      </c>
      <c r="F6" s="8">
        <v>183462418</v>
      </c>
      <c r="G6" s="8">
        <v>19518764</v>
      </c>
      <c r="H6" s="8">
        <v>163943654</v>
      </c>
      <c r="I6" s="8">
        <v>2364112005</v>
      </c>
      <c r="J6" s="8">
        <v>64018371</v>
      </c>
    </row>
    <row r="7" spans="1:11" s="12" customFormat="1" ht="17.25" customHeight="1">
      <c r="A7" s="10" t="s">
        <v>16</v>
      </c>
      <c r="B7" s="11">
        <v>832740387</v>
      </c>
      <c r="C7" s="11">
        <v>53770000</v>
      </c>
      <c r="D7" s="11">
        <v>58546915</v>
      </c>
      <c r="E7" s="11">
        <v>13046072</v>
      </c>
      <c r="F7" s="11">
        <v>71592987</v>
      </c>
      <c r="G7" s="11">
        <v>3042504</v>
      </c>
      <c r="H7" s="11">
        <v>68550483</v>
      </c>
      <c r="I7" s="11">
        <v>827963472</v>
      </c>
      <c r="J7" s="11">
        <v>48217520</v>
      </c>
      <c r="K7" s="9"/>
    </row>
    <row r="8" spans="1:11" ht="17.25" customHeight="1">
      <c r="A8" s="18" t="s">
        <v>17</v>
      </c>
      <c r="B8" s="19">
        <v>259875224</v>
      </c>
      <c r="C8" s="19">
        <v>27486300</v>
      </c>
      <c r="D8" s="19">
        <v>23192480</v>
      </c>
      <c r="E8" s="19">
        <v>2219016</v>
      </c>
      <c r="F8" s="19">
        <v>25411496</v>
      </c>
      <c r="G8" s="19">
        <v>355557</v>
      </c>
      <c r="H8" s="19">
        <v>25055939</v>
      </c>
      <c r="I8" s="19">
        <v>264169044</v>
      </c>
      <c r="J8" s="19">
        <v>1054922</v>
      </c>
    </row>
    <row r="9" spans="1:11" ht="17.25" customHeight="1">
      <c r="A9" s="10" t="s">
        <v>18</v>
      </c>
      <c r="B9" s="11">
        <v>173373364</v>
      </c>
      <c r="C9" s="11">
        <v>15836800</v>
      </c>
      <c r="D9" s="11">
        <v>15016435</v>
      </c>
      <c r="E9" s="11">
        <v>1406271</v>
      </c>
      <c r="F9" s="11">
        <v>16422706</v>
      </c>
      <c r="G9" s="11">
        <v>324447</v>
      </c>
      <c r="H9" s="11">
        <v>16098259</v>
      </c>
      <c r="I9" s="11">
        <v>174193729</v>
      </c>
      <c r="J9" s="11">
        <v>4937307</v>
      </c>
    </row>
    <row r="10" spans="1:11" s="12" customFormat="1" ht="17.25" customHeight="1">
      <c r="A10" s="10" t="s">
        <v>19</v>
      </c>
      <c r="B10" s="11">
        <v>54739526</v>
      </c>
      <c r="C10" s="11">
        <v>4365800</v>
      </c>
      <c r="D10" s="11">
        <v>5065605</v>
      </c>
      <c r="E10" s="11">
        <v>382519</v>
      </c>
      <c r="F10" s="11">
        <v>5448124</v>
      </c>
      <c r="G10" s="11">
        <v>108506</v>
      </c>
      <c r="H10" s="11">
        <v>5339618</v>
      </c>
      <c r="I10" s="11">
        <v>54039721</v>
      </c>
      <c r="J10" s="11">
        <v>1106045</v>
      </c>
      <c r="K10" s="9"/>
    </row>
    <row r="11" spans="1:11" s="12" customFormat="1" ht="17.25" customHeight="1">
      <c r="A11" s="10" t="s">
        <v>20</v>
      </c>
      <c r="B11" s="11">
        <v>39141915</v>
      </c>
      <c r="C11" s="11">
        <v>4437931</v>
      </c>
      <c r="D11" s="11">
        <v>3869250</v>
      </c>
      <c r="E11" s="11">
        <v>381463</v>
      </c>
      <c r="F11" s="11">
        <v>4250713</v>
      </c>
      <c r="G11" s="11">
        <v>115260</v>
      </c>
      <c r="H11" s="11">
        <v>4135453</v>
      </c>
      <c r="I11" s="11">
        <v>39710596</v>
      </c>
      <c r="J11" s="11">
        <v>1204154</v>
      </c>
      <c r="K11" s="9"/>
    </row>
    <row r="12" spans="1:11" s="12" customFormat="1" ht="17.25" customHeight="1">
      <c r="A12" s="10" t="s">
        <v>21</v>
      </c>
      <c r="B12" s="11">
        <v>69831918</v>
      </c>
      <c r="C12" s="11">
        <v>15580100</v>
      </c>
      <c r="D12" s="11">
        <v>7733106</v>
      </c>
      <c r="E12" s="11">
        <v>577226</v>
      </c>
      <c r="F12" s="11">
        <v>8310332</v>
      </c>
      <c r="G12" s="11">
        <v>0</v>
      </c>
      <c r="H12" s="11">
        <v>8310332</v>
      </c>
      <c r="I12" s="11">
        <v>77678912</v>
      </c>
      <c r="J12" s="11">
        <v>3531189</v>
      </c>
      <c r="K12" s="9"/>
    </row>
    <row r="13" spans="1:11" s="12" customFormat="1" ht="17.25" customHeight="1">
      <c r="A13" s="10" t="s">
        <v>22</v>
      </c>
      <c r="B13" s="11">
        <v>50759220</v>
      </c>
      <c r="C13" s="11">
        <v>4054668</v>
      </c>
      <c r="D13" s="11">
        <v>4840889</v>
      </c>
      <c r="E13" s="11">
        <v>364932</v>
      </c>
      <c r="F13" s="11">
        <v>5205821</v>
      </c>
      <c r="G13" s="11">
        <v>332549</v>
      </c>
      <c r="H13" s="11">
        <v>4873272</v>
      </c>
      <c r="I13" s="11">
        <v>49972999</v>
      </c>
      <c r="J13" s="11">
        <v>1301691</v>
      </c>
      <c r="K13" s="9"/>
    </row>
    <row r="14" spans="1:11" s="12" customFormat="1" ht="17.25" customHeight="1">
      <c r="A14" s="10" t="s">
        <v>23</v>
      </c>
      <c r="B14" s="11">
        <v>54371662</v>
      </c>
      <c r="C14" s="11">
        <v>7258270</v>
      </c>
      <c r="D14" s="11">
        <v>4007225</v>
      </c>
      <c r="E14" s="11">
        <v>406224</v>
      </c>
      <c r="F14" s="11">
        <v>4413449</v>
      </c>
      <c r="G14" s="11">
        <v>0</v>
      </c>
      <c r="H14" s="11">
        <v>4413449</v>
      </c>
      <c r="I14" s="11">
        <v>57622707</v>
      </c>
      <c r="J14" s="11">
        <v>1956478</v>
      </c>
      <c r="K14" s="9"/>
    </row>
    <row r="15" spans="1:11" s="12" customFormat="1" ht="17.25" customHeight="1">
      <c r="A15" s="10" t="s">
        <v>24</v>
      </c>
      <c r="B15" s="11">
        <v>19204504</v>
      </c>
      <c r="C15" s="11">
        <v>1952200</v>
      </c>
      <c r="D15" s="11">
        <v>1795665</v>
      </c>
      <c r="E15" s="11">
        <v>142158</v>
      </c>
      <c r="F15" s="11">
        <v>1937823</v>
      </c>
      <c r="G15" s="11">
        <v>20582</v>
      </c>
      <c r="H15" s="11">
        <v>1917241</v>
      </c>
      <c r="I15" s="11">
        <v>19361039</v>
      </c>
      <c r="J15" s="11">
        <v>554999</v>
      </c>
      <c r="K15" s="9"/>
    </row>
    <row r="16" spans="1:11" s="12" customFormat="1" ht="17.25" customHeight="1">
      <c r="A16" s="10" t="s">
        <v>25</v>
      </c>
      <c r="B16" s="11">
        <v>25734363</v>
      </c>
      <c r="C16" s="11">
        <v>1313545</v>
      </c>
      <c r="D16" s="11">
        <v>1982201</v>
      </c>
      <c r="E16" s="11">
        <v>336261</v>
      </c>
      <c r="F16" s="11">
        <v>2318462</v>
      </c>
      <c r="G16" s="11">
        <v>10020</v>
      </c>
      <c r="H16" s="11">
        <v>2308442</v>
      </c>
      <c r="I16" s="11">
        <v>25065707</v>
      </c>
      <c r="J16" s="11">
        <v>482531</v>
      </c>
      <c r="K16" s="9"/>
    </row>
    <row r="17" spans="1:11" s="12" customFormat="1" ht="17.25" customHeight="1">
      <c r="A17" s="10" t="s">
        <v>26</v>
      </c>
      <c r="B17" s="11">
        <v>32967505</v>
      </c>
      <c r="C17" s="11">
        <v>4020300</v>
      </c>
      <c r="D17" s="11">
        <v>3167691</v>
      </c>
      <c r="E17" s="11">
        <v>221148</v>
      </c>
      <c r="F17" s="11">
        <v>3388839</v>
      </c>
      <c r="G17" s="11">
        <v>25818</v>
      </c>
      <c r="H17" s="11">
        <v>3363021</v>
      </c>
      <c r="I17" s="11">
        <v>33820114</v>
      </c>
      <c r="J17" s="11">
        <v>64675</v>
      </c>
      <c r="K17" s="9"/>
    </row>
    <row r="18" spans="1:11" s="12" customFormat="1" ht="17.25" customHeight="1">
      <c r="A18" s="10" t="s">
        <v>27</v>
      </c>
      <c r="B18" s="11">
        <v>48233878</v>
      </c>
      <c r="C18" s="11">
        <v>5666500</v>
      </c>
      <c r="D18" s="11">
        <v>5667641</v>
      </c>
      <c r="E18" s="11">
        <v>391380</v>
      </c>
      <c r="F18" s="11">
        <v>6059021</v>
      </c>
      <c r="G18" s="11">
        <v>36125</v>
      </c>
      <c r="H18" s="11">
        <v>6022896</v>
      </c>
      <c r="I18" s="11">
        <v>48232737</v>
      </c>
      <c r="J18" s="11">
        <v>1326987</v>
      </c>
      <c r="K18" s="9"/>
    </row>
    <row r="19" spans="1:11" s="12" customFormat="1" ht="17.25" customHeight="1">
      <c r="A19" s="10" t="s">
        <v>28</v>
      </c>
      <c r="B19" s="11">
        <v>52645146</v>
      </c>
      <c r="C19" s="11">
        <v>5229300</v>
      </c>
      <c r="D19" s="11">
        <v>4157446</v>
      </c>
      <c r="E19" s="11">
        <v>430979</v>
      </c>
      <c r="F19" s="11">
        <v>4588425</v>
      </c>
      <c r="G19" s="11">
        <v>100535</v>
      </c>
      <c r="H19" s="11">
        <v>4487890</v>
      </c>
      <c r="I19" s="11">
        <v>53717000</v>
      </c>
      <c r="J19" s="11">
        <v>3121361</v>
      </c>
      <c r="K19" s="9"/>
    </row>
    <row r="20" spans="1:11" s="12" customFormat="1" ht="17.25" customHeight="1">
      <c r="A20" s="10" t="s">
        <v>29</v>
      </c>
      <c r="B20" s="11">
        <v>25881187</v>
      </c>
      <c r="C20" s="11">
        <v>1734700</v>
      </c>
      <c r="D20" s="11">
        <v>2604327</v>
      </c>
      <c r="E20" s="11">
        <v>211371</v>
      </c>
      <c r="F20" s="11">
        <v>2815698</v>
      </c>
      <c r="G20" s="11">
        <v>15050</v>
      </c>
      <c r="H20" s="11">
        <v>2800648</v>
      </c>
      <c r="I20" s="11">
        <v>25011560</v>
      </c>
      <c r="J20" s="11">
        <v>792829</v>
      </c>
      <c r="K20" s="9"/>
    </row>
    <row r="21" spans="1:11" s="12" customFormat="1" ht="17.25" customHeight="1">
      <c r="A21" s="10" t="s">
        <v>30</v>
      </c>
      <c r="B21" s="11">
        <v>26694739</v>
      </c>
      <c r="C21" s="11">
        <v>2347400</v>
      </c>
      <c r="D21" s="11">
        <v>2224979</v>
      </c>
      <c r="E21" s="11">
        <v>211095</v>
      </c>
      <c r="F21" s="11">
        <v>2436074</v>
      </c>
      <c r="G21" s="11">
        <v>17358</v>
      </c>
      <c r="H21" s="11">
        <v>2418716</v>
      </c>
      <c r="I21" s="11">
        <v>26817160</v>
      </c>
      <c r="J21" s="11">
        <v>2234887</v>
      </c>
      <c r="K21" s="9"/>
    </row>
    <row r="22" spans="1:11" s="12" customFormat="1" ht="17.25" customHeight="1">
      <c r="A22" s="10" t="s">
        <v>31</v>
      </c>
      <c r="B22" s="11">
        <v>27118363</v>
      </c>
      <c r="C22" s="11">
        <v>3677280</v>
      </c>
      <c r="D22" s="11">
        <v>2372275</v>
      </c>
      <c r="E22" s="11">
        <v>222403</v>
      </c>
      <c r="F22" s="11">
        <v>2594678</v>
      </c>
      <c r="G22" s="11">
        <v>0</v>
      </c>
      <c r="H22" s="11">
        <v>2594678</v>
      </c>
      <c r="I22" s="11">
        <v>28423368</v>
      </c>
      <c r="J22" s="11">
        <v>603423</v>
      </c>
      <c r="K22" s="9"/>
    </row>
    <row r="23" spans="1:11" s="12" customFormat="1" ht="17.25" customHeight="1">
      <c r="A23" s="10" t="s">
        <v>32</v>
      </c>
      <c r="B23" s="11">
        <v>17416295</v>
      </c>
      <c r="C23" s="11">
        <v>1000400</v>
      </c>
      <c r="D23" s="11">
        <v>1400487</v>
      </c>
      <c r="E23" s="11">
        <v>136878</v>
      </c>
      <c r="F23" s="11">
        <v>1537365</v>
      </c>
      <c r="G23" s="11">
        <v>1849</v>
      </c>
      <c r="H23" s="11">
        <v>1535516</v>
      </c>
      <c r="I23" s="11">
        <v>17016208</v>
      </c>
      <c r="J23" s="11">
        <v>260644</v>
      </c>
      <c r="K23" s="9"/>
    </row>
    <row r="24" spans="1:11" ht="17.25" customHeight="1">
      <c r="A24" s="18" t="s">
        <v>33</v>
      </c>
      <c r="B24" s="19">
        <v>16288480</v>
      </c>
      <c r="C24" s="19">
        <v>2125589</v>
      </c>
      <c r="D24" s="19">
        <v>1743295</v>
      </c>
      <c r="E24" s="19">
        <v>146518</v>
      </c>
      <c r="F24" s="19">
        <v>1889813</v>
      </c>
      <c r="G24" s="19">
        <v>5072</v>
      </c>
      <c r="H24" s="19">
        <v>1884741</v>
      </c>
      <c r="I24" s="19">
        <v>16670774</v>
      </c>
      <c r="J24" s="19">
        <v>913671</v>
      </c>
    </row>
    <row r="25" spans="1:11" ht="17.25" customHeight="1">
      <c r="A25" s="10" t="s">
        <v>34</v>
      </c>
      <c r="B25" s="11">
        <v>5726213</v>
      </c>
      <c r="C25" s="11">
        <v>502100</v>
      </c>
      <c r="D25" s="11">
        <v>477130</v>
      </c>
      <c r="E25" s="11">
        <v>41272</v>
      </c>
      <c r="F25" s="11">
        <v>518402</v>
      </c>
      <c r="G25" s="11">
        <v>2405</v>
      </c>
      <c r="H25" s="11">
        <v>515997</v>
      </c>
      <c r="I25" s="11">
        <v>5751183</v>
      </c>
      <c r="J25" s="11">
        <v>0</v>
      </c>
    </row>
    <row r="26" spans="1:11" s="12" customFormat="1" ht="17.25" customHeight="1">
      <c r="A26" s="10" t="s">
        <v>35</v>
      </c>
      <c r="B26" s="11">
        <v>9069164</v>
      </c>
      <c r="C26" s="11">
        <v>513700</v>
      </c>
      <c r="D26" s="11">
        <v>1056890</v>
      </c>
      <c r="E26" s="11">
        <v>78027</v>
      </c>
      <c r="F26" s="11">
        <v>1134917</v>
      </c>
      <c r="G26" s="11">
        <v>0</v>
      </c>
      <c r="H26" s="11">
        <v>1134917</v>
      </c>
      <c r="I26" s="11">
        <v>8525974</v>
      </c>
      <c r="J26" s="11">
        <v>93325</v>
      </c>
      <c r="K26" s="9"/>
    </row>
    <row r="27" spans="1:11" s="12" customFormat="1" ht="17.25" customHeight="1">
      <c r="A27" s="10" t="s">
        <v>36</v>
      </c>
      <c r="B27" s="11">
        <v>7371900</v>
      </c>
      <c r="C27" s="11">
        <v>1108900</v>
      </c>
      <c r="D27" s="11">
        <v>607546</v>
      </c>
      <c r="E27" s="11">
        <v>52742</v>
      </c>
      <c r="F27" s="11">
        <v>660288</v>
      </c>
      <c r="G27" s="11">
        <v>229</v>
      </c>
      <c r="H27" s="11">
        <v>660059</v>
      </c>
      <c r="I27" s="11">
        <v>7873254</v>
      </c>
      <c r="J27" s="11">
        <v>46777</v>
      </c>
      <c r="K27" s="9"/>
    </row>
    <row r="28" spans="1:11" s="12" customFormat="1" ht="17.25" customHeight="1">
      <c r="A28" s="10" t="s">
        <v>37</v>
      </c>
      <c r="B28" s="11">
        <v>7130631</v>
      </c>
      <c r="C28" s="11">
        <v>570300</v>
      </c>
      <c r="D28" s="11">
        <v>611433</v>
      </c>
      <c r="E28" s="11">
        <v>62728</v>
      </c>
      <c r="F28" s="11">
        <v>674161</v>
      </c>
      <c r="G28" s="11">
        <v>0</v>
      </c>
      <c r="H28" s="11">
        <v>674161</v>
      </c>
      <c r="I28" s="11">
        <v>7089498</v>
      </c>
      <c r="J28" s="11">
        <v>769151</v>
      </c>
      <c r="K28" s="9"/>
    </row>
    <row r="29" spans="1:11" s="12" customFormat="1" ht="17.25" customHeight="1">
      <c r="A29" s="10" t="s">
        <v>38</v>
      </c>
      <c r="B29" s="11">
        <v>313388</v>
      </c>
      <c r="C29" s="11">
        <v>105300</v>
      </c>
      <c r="D29" s="11">
        <v>56552</v>
      </c>
      <c r="E29" s="11">
        <v>5336</v>
      </c>
      <c r="F29" s="11">
        <v>61888</v>
      </c>
      <c r="G29" s="11">
        <v>0</v>
      </c>
      <c r="H29" s="11">
        <v>61888</v>
      </c>
      <c r="I29" s="11">
        <v>362136</v>
      </c>
      <c r="J29" s="11">
        <v>19628</v>
      </c>
      <c r="K29" s="9"/>
    </row>
    <row r="30" spans="1:11" s="12" customFormat="1" ht="17.25" customHeight="1">
      <c r="A30" s="10" t="s">
        <v>39</v>
      </c>
      <c r="B30" s="11">
        <v>1969868</v>
      </c>
      <c r="C30" s="11">
        <v>388000</v>
      </c>
      <c r="D30" s="11">
        <v>201443</v>
      </c>
      <c r="E30" s="11">
        <v>14187</v>
      </c>
      <c r="F30" s="11">
        <v>215630</v>
      </c>
      <c r="G30" s="11">
        <v>4759</v>
      </c>
      <c r="H30" s="11">
        <v>210871</v>
      </c>
      <c r="I30" s="11">
        <v>2156425</v>
      </c>
      <c r="J30" s="11">
        <v>77084</v>
      </c>
      <c r="K30" s="9"/>
    </row>
    <row r="31" spans="1:11" s="12" customFormat="1" ht="17.25" customHeight="1">
      <c r="A31" s="10" t="s">
        <v>40</v>
      </c>
      <c r="B31" s="11">
        <v>3958068</v>
      </c>
      <c r="C31" s="11">
        <v>306000</v>
      </c>
      <c r="D31" s="11">
        <v>318032</v>
      </c>
      <c r="E31" s="11">
        <v>32395</v>
      </c>
      <c r="F31" s="11">
        <v>350427</v>
      </c>
      <c r="G31" s="11">
        <v>4032</v>
      </c>
      <c r="H31" s="11">
        <v>346395</v>
      </c>
      <c r="I31" s="11">
        <v>3946036</v>
      </c>
      <c r="J31" s="11">
        <v>15810</v>
      </c>
      <c r="K31" s="9"/>
    </row>
    <row r="32" spans="1:11" s="12" customFormat="1" ht="17.25" customHeight="1">
      <c r="A32" s="10" t="s">
        <v>41</v>
      </c>
      <c r="B32" s="11">
        <v>4532068</v>
      </c>
      <c r="C32" s="11">
        <v>317024</v>
      </c>
      <c r="D32" s="11">
        <v>355057</v>
      </c>
      <c r="E32" s="11">
        <v>34744</v>
      </c>
      <c r="F32" s="11">
        <v>389801</v>
      </c>
      <c r="G32" s="11">
        <v>2248</v>
      </c>
      <c r="H32" s="11">
        <v>387553</v>
      </c>
      <c r="I32" s="11">
        <v>4494035</v>
      </c>
      <c r="J32" s="11">
        <v>10064</v>
      </c>
      <c r="K32" s="9"/>
    </row>
    <row r="33" spans="1:11" s="12" customFormat="1" ht="17.25" customHeight="1">
      <c r="A33" s="10" t="s">
        <v>42</v>
      </c>
      <c r="B33" s="11">
        <v>5476821</v>
      </c>
      <c r="C33" s="11">
        <v>312400</v>
      </c>
      <c r="D33" s="11">
        <v>380751</v>
      </c>
      <c r="E33" s="11">
        <v>53855</v>
      </c>
      <c r="F33" s="11">
        <v>434606</v>
      </c>
      <c r="G33" s="11">
        <v>0</v>
      </c>
      <c r="H33" s="11">
        <v>434606</v>
      </c>
      <c r="I33" s="11">
        <v>5408470</v>
      </c>
      <c r="J33" s="11">
        <v>152915</v>
      </c>
      <c r="K33" s="9"/>
    </row>
    <row r="34" spans="1:11" s="12" customFormat="1" ht="17.25" customHeight="1">
      <c r="A34" s="10" t="s">
        <v>43</v>
      </c>
      <c r="B34" s="11">
        <v>6014902</v>
      </c>
      <c r="C34" s="11">
        <v>782900</v>
      </c>
      <c r="D34" s="11">
        <v>836756</v>
      </c>
      <c r="E34" s="11">
        <v>48852</v>
      </c>
      <c r="F34" s="11">
        <v>885608</v>
      </c>
      <c r="G34" s="11">
        <v>8879</v>
      </c>
      <c r="H34" s="11">
        <v>876729</v>
      </c>
      <c r="I34" s="11">
        <v>5961046</v>
      </c>
      <c r="J34" s="11">
        <v>3134</v>
      </c>
      <c r="K34" s="9"/>
    </row>
    <row r="35" spans="1:11" s="12" customFormat="1" ht="17.25" customHeight="1">
      <c r="A35" s="10" t="s">
        <v>44</v>
      </c>
      <c r="B35" s="11">
        <v>2923035</v>
      </c>
      <c r="C35" s="11">
        <v>384182</v>
      </c>
      <c r="D35" s="11">
        <v>237903</v>
      </c>
      <c r="E35" s="11">
        <v>32007</v>
      </c>
      <c r="F35" s="11">
        <v>269910</v>
      </c>
      <c r="G35" s="11">
        <v>5719</v>
      </c>
      <c r="H35" s="11">
        <v>264191</v>
      </c>
      <c r="I35" s="11">
        <v>3069314</v>
      </c>
      <c r="J35" s="11">
        <v>38304</v>
      </c>
      <c r="K35" s="9"/>
    </row>
    <row r="36" spans="1:11" s="12" customFormat="1" ht="17.25" customHeight="1">
      <c r="A36" s="10" t="s">
        <v>45</v>
      </c>
      <c r="B36" s="11">
        <v>8269089</v>
      </c>
      <c r="C36" s="11">
        <v>1045400</v>
      </c>
      <c r="D36" s="11">
        <v>598042</v>
      </c>
      <c r="E36" s="11">
        <v>62895</v>
      </c>
      <c r="F36" s="11">
        <v>660937</v>
      </c>
      <c r="G36" s="11">
        <v>0</v>
      </c>
      <c r="H36" s="11">
        <v>660937</v>
      </c>
      <c r="I36" s="11">
        <v>8716447</v>
      </c>
      <c r="J36" s="11">
        <v>223433</v>
      </c>
      <c r="K36" s="9"/>
    </row>
    <row r="37" spans="1:11" s="12" customFormat="1" ht="17.25" customHeight="1">
      <c r="A37" s="10" t="s">
        <v>46</v>
      </c>
      <c r="B37" s="11">
        <v>6934995</v>
      </c>
      <c r="C37" s="11">
        <v>516000</v>
      </c>
      <c r="D37" s="11">
        <v>584486</v>
      </c>
      <c r="E37" s="11">
        <v>60584</v>
      </c>
      <c r="F37" s="11">
        <v>645070</v>
      </c>
      <c r="G37" s="11">
        <v>15547</v>
      </c>
      <c r="H37" s="11">
        <v>629523</v>
      </c>
      <c r="I37" s="11">
        <v>6866509</v>
      </c>
      <c r="J37" s="11">
        <v>135349</v>
      </c>
      <c r="K37" s="9"/>
    </row>
    <row r="38" spans="1:11" ht="17.25" customHeight="1">
      <c r="A38" s="13" t="s">
        <v>47</v>
      </c>
      <c r="B38" s="14">
        <v>440816</v>
      </c>
      <c r="C38" s="14">
        <v>155300</v>
      </c>
      <c r="D38" s="14">
        <v>15945</v>
      </c>
      <c r="E38" s="14">
        <v>545</v>
      </c>
      <c r="F38" s="14">
        <v>16490</v>
      </c>
      <c r="G38" s="14">
        <v>0</v>
      </c>
      <c r="H38" s="14">
        <v>16490</v>
      </c>
      <c r="I38" s="14">
        <v>580171</v>
      </c>
      <c r="J38" s="14">
        <v>0</v>
      </c>
    </row>
    <row r="39" spans="1:11" ht="17.25" customHeight="1">
      <c r="A39" s="15" t="s">
        <v>48</v>
      </c>
      <c r="B39" s="16">
        <v>4255582749</v>
      </c>
      <c r="C39" s="16">
        <v>328094589</v>
      </c>
      <c r="D39" s="16">
        <v>309277988</v>
      </c>
      <c r="E39" s="16">
        <v>51724391</v>
      </c>
      <c r="F39" s="16">
        <v>361002379</v>
      </c>
      <c r="G39" s="16">
        <v>24073814</v>
      </c>
      <c r="H39" s="16">
        <v>336928565</v>
      </c>
      <c r="I39" s="16">
        <v>4274399350</v>
      </c>
      <c r="J39" s="16">
        <v>139268658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平成29年度市町村普通会計決算状況
　（４）地方債現在高［&amp;P/&amp;N］&amp;R&amp;"ＭＳ ゴシック,標準"&amp;10
（単位：千円）</oddHeader>
  </headerFooter>
  <colBreaks count="1" manualBreakCount="1">
    <brk id="8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4</vt:lpstr>
      <vt:lpstr>'14'!Print_Area</vt:lpstr>
      <vt:lpstr>'14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17-12-19T01:01:08Z</cp:lastPrinted>
  <dcterms:created xsi:type="dcterms:W3CDTF">2013-03-18T10:12:01Z</dcterms:created>
  <dcterms:modified xsi:type="dcterms:W3CDTF">2018-12-06T04:52:09Z</dcterms:modified>
</cp:coreProperties>
</file>